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3\03_行政G\01_行政企画チーム\06_市町村関係情報\01_市町村要覧\01_市町村要覧\2022年度(R4)　市町村要覧\09_完成版\02_Excel（ＨＰ搭載用）\"/>
    </mc:Choice>
  </mc:AlternateContent>
  <bookViews>
    <workbookView xWindow="0" yWindow="0" windowWidth="13110" windowHeight="8430"/>
  </bookViews>
  <sheets>
    <sheet name="10 固定資産（土地）提示平均価額（令和３年度）" sheetId="1" r:id="rId1"/>
  </sheets>
  <definedNames>
    <definedName name="_xlnm.Print_Area" localSheetId="0">'10 固定資産（土地）提示平均価額（令和３年度）'!$A$1:$S$28</definedName>
  </definedNames>
  <calcPr calcId="0"/>
</workbook>
</file>

<file path=xl/sharedStrings.xml><?xml version="1.0" encoding="utf-8"?>
<sst xmlns="http://schemas.openxmlformats.org/spreadsheetml/2006/main" count="72" uniqueCount="51">
  <si>
    <t>（単位：円）</t>
  </si>
  <si>
    <t>区分</t>
  </si>
  <si>
    <t>田</t>
  </si>
  <si>
    <t>畑</t>
  </si>
  <si>
    <t>宅地</t>
  </si>
  <si>
    <t>山林</t>
  </si>
  <si>
    <t>市町村名</t>
  </si>
  <si>
    <t>（千㎡当たり）</t>
  </si>
  <si>
    <t>（㎡当たり）</t>
  </si>
  <si>
    <t>横 浜 市</t>
  </si>
  <si>
    <t>※</t>
  </si>
  <si>
    <t>川 崎 市</t>
  </si>
  <si>
    <t>横須賀市</t>
  </si>
  <si>
    <t>平 塚 市</t>
  </si>
  <si>
    <t>鎌 倉 市</t>
  </si>
  <si>
    <t>藤 沢 市</t>
  </si>
  <si>
    <t>小田原市</t>
  </si>
  <si>
    <t>茅ヶ崎市</t>
  </si>
  <si>
    <t>逗 子 市</t>
  </si>
  <si>
    <t>相模原市</t>
  </si>
  <si>
    <t>三 浦 市</t>
  </si>
  <si>
    <t>秦 野 市</t>
  </si>
  <si>
    <t>厚 木 市</t>
  </si>
  <si>
    <t>大 和 市</t>
  </si>
  <si>
    <t>伊勢原市</t>
  </si>
  <si>
    <t>海老名市</t>
  </si>
  <si>
    <t>座 間 市</t>
  </si>
  <si>
    <t>南足柄市</t>
  </si>
  <si>
    <t>綾 瀬 市</t>
  </si>
  <si>
    <t>葉 山 町</t>
  </si>
  <si>
    <t>寒 川 町</t>
  </si>
  <si>
    <t>大 磯 町</t>
  </si>
  <si>
    <t>二 宮 町</t>
  </si>
  <si>
    <t>中 井 町</t>
  </si>
  <si>
    <t>大 井 町</t>
  </si>
  <si>
    <t>松 田 町</t>
  </si>
  <si>
    <t>山 北 町</t>
  </si>
  <si>
    <t>開 成 町</t>
  </si>
  <si>
    <t>箱 根 町</t>
  </si>
  <si>
    <t>真 鶴 町</t>
  </si>
  <si>
    <t>湯河原町</t>
  </si>
  <si>
    <t>愛 川 町</t>
  </si>
  <si>
    <t>清 川 村</t>
  </si>
  <si>
    <t>県　　　計</t>
  </si>
  <si>
    <t>（注）※印欄は、総務大臣算定の提示平均価額</t>
    <rPh sb="4" eb="5">
      <t>シルシ</t>
    </rPh>
    <rPh sb="5" eb="6">
      <t>ラン</t>
    </rPh>
    <rPh sb="8" eb="10">
      <t>ソウム</t>
    </rPh>
    <rPh sb="10" eb="12">
      <t>ダイジン</t>
    </rPh>
    <rPh sb="12" eb="13">
      <t>サン</t>
    </rPh>
    <rPh sb="15" eb="17">
      <t>テイジ</t>
    </rPh>
    <phoneticPr fontId="2"/>
  </si>
  <si>
    <t>-</t>
  </si>
  <si>
    <t xml:space="preserve"> </t>
    <phoneticPr fontId="2"/>
  </si>
  <si>
    <t>※</t>
    <phoneticPr fontId="2"/>
  </si>
  <si>
    <t>　　　平成30年度より提示平均価額の算定が毎年の実施から３年に一度評価替え年度の</t>
    <rPh sb="3" eb="5">
      <t>ヘイセイ</t>
    </rPh>
    <rPh sb="7" eb="9">
      <t>ネンド</t>
    </rPh>
    <rPh sb="11" eb="13">
      <t>テイジ</t>
    </rPh>
    <rPh sb="13" eb="15">
      <t>ヘイキン</t>
    </rPh>
    <rPh sb="15" eb="17">
      <t>カガク</t>
    </rPh>
    <rPh sb="18" eb="20">
      <t>サンテイ</t>
    </rPh>
    <rPh sb="21" eb="23">
      <t>マイトシ</t>
    </rPh>
    <rPh sb="24" eb="26">
      <t>ジッシ</t>
    </rPh>
    <rPh sb="29" eb="30">
      <t>ネン</t>
    </rPh>
    <rPh sb="31" eb="33">
      <t>イチド</t>
    </rPh>
    <rPh sb="33" eb="35">
      <t>ヒョウカ</t>
    </rPh>
    <rPh sb="35" eb="36">
      <t>ガ</t>
    </rPh>
    <phoneticPr fontId="2"/>
  </si>
  <si>
    <t>　　実施に変更されたため、次回の算定は令和６年度の予定　</t>
    <rPh sb="6" eb="7">
      <t>サラ</t>
    </rPh>
    <rPh sb="13" eb="15">
      <t>ジカイ</t>
    </rPh>
    <rPh sb="16" eb="18">
      <t>サンテイ</t>
    </rPh>
    <rPh sb="19" eb="21">
      <t>レイワ</t>
    </rPh>
    <rPh sb="22" eb="24">
      <t>ネンド</t>
    </rPh>
    <rPh sb="25" eb="27">
      <t>ヨテイ</t>
    </rPh>
    <phoneticPr fontId="2"/>
  </si>
  <si>
    <t>10　固定資産（土地）提示平均価額（令和３年度）</t>
    <rPh sb="3" eb="5">
      <t>コテイ</t>
    </rPh>
    <rPh sb="5" eb="7">
      <t>シサン</t>
    </rPh>
    <rPh sb="8" eb="10">
      <t>トチ</t>
    </rPh>
    <rPh sb="11" eb="13">
      <t>テイジ</t>
    </rPh>
    <rPh sb="13" eb="15">
      <t>ヘイキン</t>
    </rPh>
    <rPh sb="15" eb="17">
      <t>カガク</t>
    </rPh>
    <rPh sb="18" eb="20">
      <t>レイワ</t>
    </rPh>
    <rPh sb="21" eb="23">
      <t>ネンド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);[Red]\(#,##0\)"/>
  </numFmts>
  <fonts count="1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name val="ＭＳ Ｐ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b/>
      <sz val="14"/>
      <name val="ＭＳ Ｐゴシック"/>
      <family val="3"/>
      <charset val="128"/>
    </font>
    <font>
      <strike/>
      <sz val="11"/>
      <name val="ＭＳ 明朝"/>
      <family val="1"/>
      <charset val="128"/>
    </font>
    <font>
      <strike/>
      <sz val="10"/>
      <name val="ＭＳ 明朝"/>
      <family val="1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0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63">
    <xf numFmtId="0" fontId="0" fillId="0" borderId="0" xfId="0"/>
    <xf numFmtId="0" fontId="3" fillId="0" borderId="0" xfId="0" applyFont="1" applyFill="1" applyProtection="1"/>
    <xf numFmtId="0" fontId="4" fillId="0" borderId="0" xfId="0" applyFont="1" applyFill="1" applyAlignment="1" applyProtection="1">
      <alignment horizontal="center"/>
    </xf>
    <xf numFmtId="176" fontId="5" fillId="0" borderId="0" xfId="0" applyNumberFormat="1" applyFont="1" applyFill="1" applyProtection="1"/>
    <xf numFmtId="0" fontId="4" fillId="0" borderId="0" xfId="0" applyFont="1" applyFill="1" applyProtection="1"/>
    <xf numFmtId="0" fontId="7" fillId="0" borderId="0" xfId="0" applyFont="1" applyFill="1" applyProtection="1"/>
    <xf numFmtId="176" fontId="5" fillId="0" borderId="7" xfId="1" applyNumberFormat="1" applyFont="1" applyFill="1" applyBorder="1" applyAlignment="1" applyProtection="1">
      <alignment horizontal="distributed" vertical="center" indent="1"/>
    </xf>
    <xf numFmtId="176" fontId="5" fillId="0" borderId="7" xfId="1" applyNumberFormat="1" applyFont="1" applyFill="1" applyBorder="1" applyAlignment="1" applyProtection="1">
      <alignment horizontal="distributed" vertical="center"/>
    </xf>
    <xf numFmtId="176" fontId="5" fillId="0" borderId="7" xfId="1" applyNumberFormat="1" applyFont="1" applyFill="1" applyBorder="1" applyAlignment="1" applyProtection="1">
      <alignment vertical="center"/>
    </xf>
    <xf numFmtId="176" fontId="5" fillId="0" borderId="0" xfId="1" applyNumberFormat="1" applyFont="1" applyFill="1" applyBorder="1" applyAlignment="1" applyProtection="1">
      <alignment horizontal="distributed" vertical="center" indent="1"/>
    </xf>
    <xf numFmtId="176" fontId="5" fillId="0" borderId="0" xfId="1" applyNumberFormat="1" applyFont="1" applyFill="1" applyBorder="1" applyAlignment="1" applyProtection="1">
      <alignment horizontal="distributed" vertical="center"/>
    </xf>
    <xf numFmtId="176" fontId="5" fillId="0" borderId="0" xfId="1" applyNumberFormat="1" applyFont="1" applyFill="1" applyBorder="1" applyAlignment="1" applyProtection="1">
      <alignment vertical="center"/>
    </xf>
    <xf numFmtId="176" fontId="5" fillId="0" borderId="0" xfId="1" quotePrefix="1" applyNumberFormat="1" applyFont="1" applyFill="1" applyBorder="1" applyAlignment="1" applyProtection="1">
      <alignment horizontal="right" vertical="center" indent="1"/>
    </xf>
    <xf numFmtId="176" fontId="5" fillId="0" borderId="0" xfId="1" quotePrefix="1" applyNumberFormat="1" applyFont="1" applyFill="1" applyBorder="1" applyAlignment="1" applyProtection="1">
      <alignment horizontal="right" vertical="center"/>
    </xf>
    <xf numFmtId="176" fontId="6" fillId="0" borderId="0" xfId="1" applyNumberFormat="1" applyFont="1" applyFill="1" applyBorder="1" applyAlignment="1" applyProtection="1">
      <alignment horizontal="distributed" vertical="center" indent="1" shrinkToFit="1"/>
    </xf>
    <xf numFmtId="0" fontId="4" fillId="0" borderId="0" xfId="0" applyFont="1" applyFill="1" applyBorder="1" applyAlignment="1" applyProtection="1">
      <alignment horizontal="center"/>
    </xf>
    <xf numFmtId="176" fontId="5" fillId="0" borderId="0" xfId="0" applyNumberFormat="1" applyFont="1" applyFill="1" applyBorder="1" applyProtection="1"/>
    <xf numFmtId="0" fontId="4" fillId="0" borderId="0" xfId="0" applyFont="1" applyFill="1" applyBorder="1" applyProtection="1"/>
    <xf numFmtId="0" fontId="0" fillId="0" borderId="0" xfId="0" applyFont="1" applyFill="1" applyProtection="1"/>
    <xf numFmtId="0" fontId="0" fillId="0" borderId="0" xfId="0" applyFont="1" applyFill="1" applyBorder="1" applyProtection="1"/>
    <xf numFmtId="176" fontId="5" fillId="0" borderId="8" xfId="1" applyNumberFormat="1" applyFont="1" applyFill="1" applyBorder="1" applyAlignment="1" applyProtection="1">
      <alignment horizontal="distributed" vertical="center"/>
    </xf>
    <xf numFmtId="176" fontId="5" fillId="0" borderId="9" xfId="1" applyNumberFormat="1" applyFont="1" applyFill="1" applyBorder="1" applyAlignment="1" applyProtection="1">
      <alignment horizontal="distributed" vertical="center"/>
    </xf>
    <xf numFmtId="176" fontId="5" fillId="0" borderId="10" xfId="1" applyNumberFormat="1" applyFont="1" applyFill="1" applyBorder="1" applyAlignment="1" applyProtection="1">
      <alignment horizontal="distributed" vertical="center"/>
    </xf>
    <xf numFmtId="176" fontId="5" fillId="0" borderId="10" xfId="1" applyNumberFormat="1" applyFont="1" applyFill="1" applyBorder="1" applyAlignment="1" applyProtection="1">
      <alignment horizontal="center" vertical="center"/>
    </xf>
    <xf numFmtId="176" fontId="8" fillId="0" borderId="7" xfId="1" applyNumberFormat="1" applyFont="1" applyFill="1" applyBorder="1" applyAlignment="1" applyProtection="1">
      <alignment horizontal="distributed" vertical="center"/>
    </xf>
    <xf numFmtId="176" fontId="8" fillId="0" borderId="7" xfId="1" applyNumberFormat="1" applyFont="1" applyFill="1" applyBorder="1" applyAlignment="1" applyProtection="1">
      <alignment vertical="center"/>
    </xf>
    <xf numFmtId="176" fontId="9" fillId="0" borderId="7" xfId="1" applyNumberFormat="1" applyFont="1" applyFill="1" applyBorder="1" applyAlignment="1" applyProtection="1">
      <alignment horizontal="distributed" vertical="center" indent="1" shrinkToFit="1"/>
    </xf>
    <xf numFmtId="176" fontId="5" fillId="0" borderId="12" xfId="1" applyNumberFormat="1" applyFont="1" applyFill="1" applyBorder="1" applyAlignment="1" applyProtection="1">
      <alignment vertical="center"/>
    </xf>
    <xf numFmtId="176" fontId="5" fillId="0" borderId="12" xfId="1" applyNumberFormat="1" applyFont="1" applyFill="1" applyBorder="1" applyAlignment="1" applyProtection="1">
      <alignment horizontal="center" vertical="center"/>
    </xf>
    <xf numFmtId="176" fontId="5" fillId="0" borderId="8" xfId="1" applyNumberFormat="1" applyFont="1" applyFill="1" applyBorder="1" applyAlignment="1" applyProtection="1">
      <alignment vertical="center"/>
    </xf>
    <xf numFmtId="176" fontId="5" fillId="0" borderId="13" xfId="1" applyNumberFormat="1" applyFont="1" applyFill="1" applyBorder="1" applyAlignment="1" applyProtection="1">
      <alignment vertical="center"/>
    </xf>
    <xf numFmtId="176" fontId="5" fillId="0" borderId="9" xfId="1" applyNumberFormat="1" applyFont="1" applyFill="1" applyBorder="1" applyAlignment="1" applyProtection="1">
      <alignment vertical="center"/>
    </xf>
    <xf numFmtId="176" fontId="5" fillId="0" borderId="14" xfId="1" applyNumberFormat="1" applyFont="1" applyFill="1" applyBorder="1" applyAlignment="1" applyProtection="1">
      <alignment vertical="center"/>
    </xf>
    <xf numFmtId="176" fontId="5" fillId="0" borderId="10" xfId="1" applyNumberFormat="1" applyFont="1" applyFill="1" applyBorder="1" applyAlignment="1" applyProtection="1">
      <alignment vertical="center"/>
    </xf>
    <xf numFmtId="176" fontId="5" fillId="0" borderId="14" xfId="1" quotePrefix="1" applyNumberFormat="1" applyFont="1" applyFill="1" applyBorder="1" applyAlignment="1" applyProtection="1">
      <alignment horizontal="right" vertical="center"/>
    </xf>
    <xf numFmtId="176" fontId="5" fillId="0" borderId="14" xfId="1" applyNumberFormat="1" applyFont="1" applyFill="1" applyBorder="1" applyAlignment="1" applyProtection="1">
      <alignment horizontal="center" vertical="center"/>
    </xf>
    <xf numFmtId="176" fontId="5" fillId="0" borderId="27" xfId="1" quotePrefix="1" applyNumberFormat="1" applyFont="1" applyFill="1" applyBorder="1" applyAlignment="1" applyProtection="1">
      <alignment horizontal="right" vertical="center" indent="1"/>
    </xf>
    <xf numFmtId="176" fontId="5" fillId="0" borderId="26" xfId="1" quotePrefix="1" applyNumberFormat="1" applyFont="1" applyFill="1" applyBorder="1" applyAlignment="1" applyProtection="1">
      <alignment horizontal="right" vertical="center" indent="1"/>
    </xf>
    <xf numFmtId="176" fontId="10" fillId="0" borderId="0" xfId="1" applyNumberFormat="1" applyFont="1" applyFill="1" applyBorder="1" applyAlignment="1" applyProtection="1">
      <alignment horizontal="center" vertical="center"/>
    </xf>
    <xf numFmtId="176" fontId="5" fillId="0" borderId="11" xfId="1" applyNumberFormat="1" applyFont="1" applyFill="1" applyBorder="1" applyAlignment="1" applyProtection="1">
      <alignment horizontal="distributed" vertical="center"/>
    </xf>
    <xf numFmtId="176" fontId="5" fillId="0" borderId="15" xfId="1" applyNumberFormat="1" applyFont="1" applyFill="1" applyBorder="1" applyAlignment="1" applyProtection="1">
      <alignment vertical="center"/>
    </xf>
    <xf numFmtId="176" fontId="5" fillId="0" borderId="11" xfId="1" applyNumberFormat="1" applyFont="1" applyFill="1" applyBorder="1" applyAlignment="1" applyProtection="1">
      <alignment vertical="center"/>
    </xf>
    <xf numFmtId="176" fontId="5" fillId="0" borderId="22" xfId="1" applyNumberFormat="1" applyFont="1" applyFill="1" applyBorder="1" applyAlignment="1" applyProtection="1">
      <alignment vertical="center"/>
    </xf>
    <xf numFmtId="176" fontId="5" fillId="0" borderId="23" xfId="1" applyNumberFormat="1" applyFont="1" applyFill="1" applyBorder="1" applyAlignment="1" applyProtection="1">
      <alignment vertical="center"/>
    </xf>
    <xf numFmtId="176" fontId="5" fillId="0" borderId="24" xfId="1" applyNumberFormat="1" applyFont="1" applyFill="1" applyBorder="1" applyAlignment="1" applyProtection="1">
      <alignment vertical="center"/>
    </xf>
    <xf numFmtId="176" fontId="5" fillId="0" borderId="25" xfId="1" applyNumberFormat="1" applyFont="1" applyFill="1" applyBorder="1" applyAlignment="1" applyProtection="1">
      <alignment vertical="center"/>
    </xf>
    <xf numFmtId="176" fontId="5" fillId="0" borderId="26" xfId="1" applyNumberFormat="1" applyFont="1" applyFill="1" applyBorder="1" applyAlignment="1" applyProtection="1">
      <alignment vertical="center"/>
    </xf>
    <xf numFmtId="176" fontId="5" fillId="0" borderId="27" xfId="1" applyNumberFormat="1" applyFont="1" applyFill="1" applyBorder="1" applyAlignment="1" applyProtection="1">
      <alignment vertical="center"/>
    </xf>
    <xf numFmtId="176" fontId="5" fillId="0" borderId="28" xfId="1" applyNumberFormat="1" applyFont="1" applyFill="1" applyBorder="1" applyAlignment="1" applyProtection="1">
      <alignment vertical="center"/>
    </xf>
    <xf numFmtId="176" fontId="5" fillId="0" borderId="29" xfId="1" applyNumberFormat="1" applyFont="1" applyFill="1" applyBorder="1" applyAlignment="1" applyProtection="1">
      <alignment vertical="center"/>
    </xf>
    <xf numFmtId="176" fontId="0" fillId="0" borderId="2" xfId="1" applyNumberFormat="1" applyFont="1" applyFill="1" applyBorder="1" applyAlignment="1" applyProtection="1">
      <alignment horizontal="right" vertical="center"/>
    </xf>
    <xf numFmtId="176" fontId="0" fillId="0" borderId="0" xfId="1" applyNumberFormat="1" applyFont="1" applyFill="1" applyBorder="1" applyAlignment="1" applyProtection="1">
      <alignment horizontal="center" vertical="center"/>
    </xf>
    <xf numFmtId="176" fontId="0" fillId="0" borderId="3" xfId="1" applyNumberFormat="1" applyFont="1" applyFill="1" applyBorder="1" applyAlignment="1" applyProtection="1">
      <alignment vertical="center"/>
    </xf>
    <xf numFmtId="176" fontId="0" fillId="0" borderId="4" xfId="1" applyNumberFormat="1" applyFont="1" applyFill="1" applyBorder="1" applyAlignment="1" applyProtection="1">
      <alignment horizontal="distributed" vertical="center" indent="1"/>
    </xf>
    <xf numFmtId="176" fontId="0" fillId="0" borderId="5" xfId="1" applyNumberFormat="1" applyFont="1" applyFill="1" applyBorder="1" applyAlignment="1" applyProtection="1">
      <alignment horizontal="distributed" vertical="center" indent="1"/>
    </xf>
    <xf numFmtId="176" fontId="0" fillId="0" borderId="1" xfId="1" applyNumberFormat="1" applyFont="1" applyFill="1" applyBorder="1" applyAlignment="1" applyProtection="1">
      <alignment horizontal="distributed" vertical="center" indent="1"/>
    </xf>
    <xf numFmtId="176" fontId="0" fillId="0" borderId="6" xfId="1" applyNumberFormat="1" applyFont="1" applyFill="1" applyBorder="1" applyAlignment="1" applyProtection="1">
      <alignment horizontal="distributed" vertical="center" indent="1"/>
    </xf>
    <xf numFmtId="176" fontId="0" fillId="0" borderId="18" xfId="1" applyNumberFormat="1" applyFont="1" applyFill="1" applyBorder="1" applyAlignment="1" applyProtection="1">
      <alignment horizontal="center" vertical="center"/>
    </xf>
    <xf numFmtId="176" fontId="0" fillId="0" borderId="20" xfId="1" applyNumberFormat="1" applyFont="1" applyFill="1" applyBorder="1" applyAlignment="1" applyProtection="1">
      <alignment horizontal="center" vertical="center"/>
    </xf>
    <xf numFmtId="176" fontId="0" fillId="0" borderId="19" xfId="1" applyNumberFormat="1" applyFont="1" applyFill="1" applyBorder="1" applyAlignment="1" applyProtection="1">
      <alignment horizontal="center" vertical="center"/>
    </xf>
    <xf numFmtId="176" fontId="10" fillId="0" borderId="16" xfId="1" applyNumberFormat="1" applyFont="1" applyFill="1" applyBorder="1" applyAlignment="1" applyProtection="1">
      <alignment horizontal="center" vertical="center"/>
    </xf>
    <xf numFmtId="176" fontId="10" fillId="0" borderId="21" xfId="1" applyNumberFormat="1" applyFont="1" applyFill="1" applyBorder="1" applyAlignment="1" applyProtection="1">
      <alignment horizontal="center" vertical="center"/>
    </xf>
    <xf numFmtId="176" fontId="10" fillId="0" borderId="17" xfId="1" applyNumberFormat="1" applyFont="1" applyFill="1" applyBorder="1" applyAlignment="1" applyProtection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9525</xdr:colOff>
      <xdr:row>2</xdr:row>
      <xdr:rowOff>0</xdr:rowOff>
    </xdr:from>
    <xdr:to>
      <xdr:col>1</xdr:col>
      <xdr:colOff>0</xdr:colOff>
      <xdr:row>3</xdr:row>
      <xdr:rowOff>238125</xdr:rowOff>
    </xdr:to>
    <xdr:sp macro="" textlink="">
      <xdr:nvSpPr>
        <xdr:cNvPr id="1073" name="Line 1"/>
        <xdr:cNvSpPr>
          <a:spLocks noChangeShapeType="1"/>
        </xdr:cNvSpPr>
      </xdr:nvSpPr>
      <xdr:spPr bwMode="auto">
        <a:xfrm>
          <a:off x="9525" y="419100"/>
          <a:ext cx="1638300" cy="4857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0</xdr:col>
      <xdr:colOff>9525</xdr:colOff>
      <xdr:row>2</xdr:row>
      <xdr:rowOff>0</xdr:rowOff>
    </xdr:from>
    <xdr:to>
      <xdr:col>11</xdr:col>
      <xdr:colOff>0</xdr:colOff>
      <xdr:row>3</xdr:row>
      <xdr:rowOff>238125</xdr:rowOff>
    </xdr:to>
    <xdr:sp macro="" textlink="">
      <xdr:nvSpPr>
        <xdr:cNvPr id="1074" name="Line 2"/>
        <xdr:cNvSpPr>
          <a:spLocks noChangeShapeType="1"/>
        </xdr:cNvSpPr>
      </xdr:nvSpPr>
      <xdr:spPr bwMode="auto">
        <a:xfrm>
          <a:off x="6334125" y="419100"/>
          <a:ext cx="1638300" cy="4857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42"/>
  <sheetViews>
    <sheetView tabSelected="1" view="pageBreakPreview" zoomScaleNormal="100" zoomScaleSheetLayoutView="100" workbookViewId="0">
      <selection activeCell="K23" sqref="K23"/>
    </sheetView>
  </sheetViews>
  <sheetFormatPr defaultColWidth="9" defaultRowHeight="13.5" x14ac:dyDescent="0.15"/>
  <cols>
    <col min="1" max="1" width="21.625" style="18" customWidth="1"/>
    <col min="2" max="2" width="3.125" style="18" customWidth="1"/>
    <col min="3" max="3" width="11.625" style="18" customWidth="1"/>
    <col min="4" max="4" width="2.875" style="18" customWidth="1"/>
    <col min="5" max="5" width="11.625" style="18" customWidth="1"/>
    <col min="6" max="6" width="3.125" style="18" customWidth="1"/>
    <col min="7" max="7" width="11.625" style="18" customWidth="1"/>
    <col min="8" max="8" width="3.5" style="18" customWidth="1"/>
    <col min="9" max="9" width="11.625" style="18" customWidth="1"/>
    <col min="10" max="10" width="2.25" style="19" customWidth="1"/>
    <col min="11" max="11" width="21.625" style="18" customWidth="1"/>
    <col min="12" max="12" width="3.125" style="18" customWidth="1"/>
    <col min="13" max="13" width="11.625" style="18" customWidth="1"/>
    <col min="14" max="14" width="2.875" style="18" customWidth="1"/>
    <col min="15" max="15" width="11.625" style="18" customWidth="1"/>
    <col min="16" max="16" width="3.125" style="18" customWidth="1"/>
    <col min="17" max="17" width="11.625" style="18" customWidth="1"/>
    <col min="18" max="18" width="3.5" style="18" customWidth="1"/>
    <col min="19" max="19" width="11.625" style="18" customWidth="1"/>
    <col min="20" max="16384" width="9" style="18"/>
  </cols>
  <sheetData>
    <row r="1" spans="1:19" ht="18.75" customHeight="1" x14ac:dyDescent="0.2">
      <c r="A1" s="5" t="s">
        <v>50</v>
      </c>
      <c r="B1" s="1"/>
      <c r="K1" s="5" t="s">
        <v>46</v>
      </c>
      <c r="L1" s="1"/>
    </row>
    <row r="2" spans="1:19" ht="14.25" thickBot="1" x14ac:dyDescent="0.2">
      <c r="I2" s="2" t="s">
        <v>46</v>
      </c>
      <c r="J2" s="15"/>
      <c r="S2" s="2" t="s">
        <v>0</v>
      </c>
    </row>
    <row r="3" spans="1:19" s="3" customFormat="1" ht="20.100000000000001" customHeight="1" x14ac:dyDescent="0.15">
      <c r="A3" s="50" t="s">
        <v>1</v>
      </c>
      <c r="B3" s="57" t="s">
        <v>2</v>
      </c>
      <c r="C3" s="58"/>
      <c r="D3" s="57" t="s">
        <v>3</v>
      </c>
      <c r="E3" s="58"/>
      <c r="F3" s="57" t="s">
        <v>4</v>
      </c>
      <c r="G3" s="58"/>
      <c r="H3" s="57" t="s">
        <v>5</v>
      </c>
      <c r="I3" s="59"/>
      <c r="J3" s="51"/>
      <c r="K3" s="50" t="s">
        <v>1</v>
      </c>
      <c r="L3" s="57" t="s">
        <v>2</v>
      </c>
      <c r="M3" s="58"/>
      <c r="N3" s="57" t="s">
        <v>3</v>
      </c>
      <c r="O3" s="58"/>
      <c r="P3" s="57" t="s">
        <v>4</v>
      </c>
      <c r="Q3" s="58"/>
      <c r="R3" s="57" t="s">
        <v>5</v>
      </c>
      <c r="S3" s="59"/>
    </row>
    <row r="4" spans="1:19" s="3" customFormat="1" ht="20.100000000000001" customHeight="1" thickBot="1" x14ac:dyDescent="0.2">
      <c r="A4" s="52" t="s">
        <v>6</v>
      </c>
      <c r="B4" s="60" t="s">
        <v>7</v>
      </c>
      <c r="C4" s="61"/>
      <c r="D4" s="60" t="s">
        <v>7</v>
      </c>
      <c r="E4" s="61"/>
      <c r="F4" s="60" t="s">
        <v>8</v>
      </c>
      <c r="G4" s="61"/>
      <c r="H4" s="60" t="s">
        <v>7</v>
      </c>
      <c r="I4" s="62"/>
      <c r="J4" s="38"/>
      <c r="K4" s="52" t="s">
        <v>6</v>
      </c>
      <c r="L4" s="60" t="s">
        <v>7</v>
      </c>
      <c r="M4" s="61"/>
      <c r="N4" s="60" t="s">
        <v>7</v>
      </c>
      <c r="O4" s="61"/>
      <c r="P4" s="60" t="s">
        <v>8</v>
      </c>
      <c r="Q4" s="61"/>
      <c r="R4" s="60" t="s">
        <v>7</v>
      </c>
      <c r="S4" s="62"/>
    </row>
    <row r="5" spans="1:19" s="3" customFormat="1" ht="17.850000000000001" customHeight="1" x14ac:dyDescent="0.15">
      <c r="A5" s="53" t="s">
        <v>9</v>
      </c>
      <c r="B5" s="20"/>
      <c r="C5" s="42">
        <v>97034</v>
      </c>
      <c r="D5" s="27"/>
      <c r="E5" s="42">
        <v>73942</v>
      </c>
      <c r="F5" s="28" t="s">
        <v>10</v>
      </c>
      <c r="G5" s="42">
        <v>131835</v>
      </c>
      <c r="H5" s="29"/>
      <c r="I5" s="43">
        <v>49686</v>
      </c>
      <c r="J5" s="11"/>
      <c r="K5" s="53" t="s">
        <v>29</v>
      </c>
      <c r="L5" s="20"/>
      <c r="M5" s="42">
        <v>70438</v>
      </c>
      <c r="N5" s="27"/>
      <c r="O5" s="42">
        <v>46427</v>
      </c>
      <c r="P5" s="27"/>
      <c r="Q5" s="42">
        <v>79549</v>
      </c>
      <c r="R5" s="29"/>
      <c r="S5" s="43">
        <v>30003</v>
      </c>
    </row>
    <row r="6" spans="1:19" s="3" customFormat="1" ht="17.850000000000001" customHeight="1" x14ac:dyDescent="0.15">
      <c r="A6" s="54" t="s">
        <v>11</v>
      </c>
      <c r="B6" s="21"/>
      <c r="C6" s="44">
        <v>102951</v>
      </c>
      <c r="D6" s="30"/>
      <c r="E6" s="44">
        <v>80120</v>
      </c>
      <c r="F6" s="30"/>
      <c r="G6" s="44">
        <v>150878</v>
      </c>
      <c r="H6" s="31"/>
      <c r="I6" s="45">
        <v>49370</v>
      </c>
      <c r="J6" s="11"/>
      <c r="K6" s="55" t="s">
        <v>30</v>
      </c>
      <c r="L6" s="22"/>
      <c r="M6" s="46">
        <v>99629</v>
      </c>
      <c r="N6" s="32"/>
      <c r="O6" s="46">
        <v>83852</v>
      </c>
      <c r="P6" s="32"/>
      <c r="Q6" s="46">
        <v>65175</v>
      </c>
      <c r="R6" s="33"/>
      <c r="S6" s="47">
        <v>34715</v>
      </c>
    </row>
    <row r="7" spans="1:19" s="3" customFormat="1" ht="17.850000000000001" customHeight="1" x14ac:dyDescent="0.15">
      <c r="A7" s="55" t="s">
        <v>19</v>
      </c>
      <c r="B7" s="22"/>
      <c r="C7" s="46">
        <v>90567</v>
      </c>
      <c r="D7" s="32"/>
      <c r="E7" s="46">
        <v>48900</v>
      </c>
      <c r="F7" s="32"/>
      <c r="G7" s="46">
        <v>81455</v>
      </c>
      <c r="H7" s="23"/>
      <c r="I7" s="47">
        <v>17295</v>
      </c>
      <c r="J7" s="11"/>
      <c r="K7" s="55" t="s">
        <v>31</v>
      </c>
      <c r="L7" s="22"/>
      <c r="M7" s="46">
        <v>87436</v>
      </c>
      <c r="N7" s="32"/>
      <c r="O7" s="46">
        <v>59815</v>
      </c>
      <c r="P7" s="32"/>
      <c r="Q7" s="46">
        <v>60179</v>
      </c>
      <c r="R7" s="33"/>
      <c r="S7" s="47">
        <v>27837</v>
      </c>
    </row>
    <row r="8" spans="1:19" s="3" customFormat="1" ht="17.850000000000001" customHeight="1" x14ac:dyDescent="0.15">
      <c r="A8" s="55" t="s">
        <v>12</v>
      </c>
      <c r="B8" s="22"/>
      <c r="C8" s="46">
        <v>80836</v>
      </c>
      <c r="D8" s="32"/>
      <c r="E8" s="46">
        <v>70738</v>
      </c>
      <c r="F8" s="32"/>
      <c r="G8" s="46">
        <v>57516</v>
      </c>
      <c r="H8" s="33"/>
      <c r="I8" s="47">
        <v>38040</v>
      </c>
      <c r="J8" s="11"/>
      <c r="K8" s="55" t="s">
        <v>32</v>
      </c>
      <c r="L8" s="22"/>
      <c r="M8" s="46">
        <v>69354</v>
      </c>
      <c r="N8" s="32"/>
      <c r="O8" s="46">
        <v>52828</v>
      </c>
      <c r="P8" s="32"/>
      <c r="Q8" s="46">
        <v>53583</v>
      </c>
      <c r="R8" s="33"/>
      <c r="S8" s="47">
        <v>23404</v>
      </c>
    </row>
    <row r="9" spans="1:19" s="3" customFormat="1" ht="17.850000000000001" customHeight="1" x14ac:dyDescent="0.15">
      <c r="A9" s="55" t="s">
        <v>13</v>
      </c>
      <c r="B9" s="23" t="s">
        <v>10</v>
      </c>
      <c r="C9" s="46">
        <v>112911</v>
      </c>
      <c r="D9" s="32"/>
      <c r="E9" s="46">
        <v>77040</v>
      </c>
      <c r="F9" s="32"/>
      <c r="G9" s="46">
        <v>72155</v>
      </c>
      <c r="H9" s="33"/>
      <c r="I9" s="47">
        <v>39209</v>
      </c>
      <c r="J9" s="11"/>
      <c r="K9" s="55" t="s">
        <v>33</v>
      </c>
      <c r="L9" s="22"/>
      <c r="M9" s="46">
        <v>88354</v>
      </c>
      <c r="N9" s="32"/>
      <c r="O9" s="46">
        <v>56437</v>
      </c>
      <c r="P9" s="32"/>
      <c r="Q9" s="46">
        <v>25682</v>
      </c>
      <c r="R9" s="33"/>
      <c r="S9" s="47">
        <v>29774</v>
      </c>
    </row>
    <row r="10" spans="1:19" s="3" customFormat="1" ht="17.850000000000001" customHeight="1" x14ac:dyDescent="0.15">
      <c r="A10" s="55" t="s">
        <v>14</v>
      </c>
      <c r="B10" s="22"/>
      <c r="C10" s="46">
        <v>96275</v>
      </c>
      <c r="D10" s="32"/>
      <c r="E10" s="46">
        <v>74028</v>
      </c>
      <c r="F10" s="32"/>
      <c r="G10" s="46">
        <v>118968</v>
      </c>
      <c r="H10" s="33"/>
      <c r="I10" s="47">
        <v>46726</v>
      </c>
      <c r="J10" s="11"/>
      <c r="K10" s="55" t="s">
        <v>34</v>
      </c>
      <c r="L10" s="22"/>
      <c r="M10" s="46">
        <v>88030</v>
      </c>
      <c r="N10" s="32"/>
      <c r="O10" s="46">
        <v>53736</v>
      </c>
      <c r="P10" s="32"/>
      <c r="Q10" s="46">
        <v>38029</v>
      </c>
      <c r="R10" s="33"/>
      <c r="S10" s="47">
        <v>27598</v>
      </c>
    </row>
    <row r="11" spans="1:19" s="3" customFormat="1" ht="17.850000000000001" customHeight="1" x14ac:dyDescent="0.15">
      <c r="A11" s="55" t="s">
        <v>15</v>
      </c>
      <c r="B11" s="22"/>
      <c r="C11" s="46">
        <v>95995</v>
      </c>
      <c r="D11" s="32"/>
      <c r="E11" s="46">
        <v>70609</v>
      </c>
      <c r="F11" s="32"/>
      <c r="G11" s="46">
        <v>106339</v>
      </c>
      <c r="H11" s="33"/>
      <c r="I11" s="47">
        <v>39602</v>
      </c>
      <c r="J11" s="11"/>
      <c r="K11" s="55" t="s">
        <v>35</v>
      </c>
      <c r="L11" s="22"/>
      <c r="M11" s="46">
        <v>68860</v>
      </c>
      <c r="N11" s="32"/>
      <c r="O11" s="46">
        <v>43763</v>
      </c>
      <c r="P11" s="32"/>
      <c r="Q11" s="46">
        <v>42651</v>
      </c>
      <c r="R11" s="33"/>
      <c r="S11" s="47">
        <v>16337</v>
      </c>
    </row>
    <row r="12" spans="1:19" s="3" customFormat="1" ht="17.850000000000001" customHeight="1" x14ac:dyDescent="0.15">
      <c r="A12" s="55" t="s">
        <v>16</v>
      </c>
      <c r="B12" s="22"/>
      <c r="C12" s="46">
        <v>103920</v>
      </c>
      <c r="D12" s="32"/>
      <c r="E12" s="46">
        <v>61625</v>
      </c>
      <c r="F12" s="32"/>
      <c r="G12" s="46">
        <v>59713</v>
      </c>
      <c r="H12" s="33"/>
      <c r="I12" s="47">
        <v>37726</v>
      </c>
      <c r="J12" s="11"/>
      <c r="K12" s="55" t="s">
        <v>36</v>
      </c>
      <c r="L12" s="22"/>
      <c r="M12" s="46">
        <v>89335</v>
      </c>
      <c r="N12" s="32"/>
      <c r="O12" s="46">
        <v>54324</v>
      </c>
      <c r="P12" s="32"/>
      <c r="Q12" s="46">
        <v>19890</v>
      </c>
      <c r="R12" s="33"/>
      <c r="S12" s="47">
        <v>17370</v>
      </c>
    </row>
    <row r="13" spans="1:19" s="3" customFormat="1" ht="17.850000000000001" customHeight="1" x14ac:dyDescent="0.15">
      <c r="A13" s="55" t="s">
        <v>17</v>
      </c>
      <c r="B13" s="22"/>
      <c r="C13" s="46">
        <v>90417</v>
      </c>
      <c r="D13" s="32"/>
      <c r="E13" s="46">
        <v>71868</v>
      </c>
      <c r="F13" s="32"/>
      <c r="G13" s="46">
        <v>110424</v>
      </c>
      <c r="H13" s="33"/>
      <c r="I13" s="47">
        <v>48480</v>
      </c>
      <c r="J13" s="11"/>
      <c r="K13" s="55" t="s">
        <v>37</v>
      </c>
      <c r="L13" s="22"/>
      <c r="M13" s="46">
        <v>123200</v>
      </c>
      <c r="N13" s="32"/>
      <c r="O13" s="46">
        <v>85999</v>
      </c>
      <c r="P13" s="32"/>
      <c r="Q13" s="46">
        <v>47793</v>
      </c>
      <c r="R13" s="33"/>
      <c r="S13" s="36" t="s">
        <v>45</v>
      </c>
    </row>
    <row r="14" spans="1:19" s="3" customFormat="1" ht="17.850000000000001" customHeight="1" x14ac:dyDescent="0.15">
      <c r="A14" s="55" t="s">
        <v>18</v>
      </c>
      <c r="B14" s="22"/>
      <c r="C14" s="37" t="s">
        <v>45</v>
      </c>
      <c r="D14" s="34"/>
      <c r="E14" s="46">
        <v>65031</v>
      </c>
      <c r="F14" s="32"/>
      <c r="G14" s="46">
        <v>99749</v>
      </c>
      <c r="H14" s="33"/>
      <c r="I14" s="47">
        <v>36472</v>
      </c>
      <c r="J14" s="11"/>
      <c r="K14" s="55" t="s">
        <v>38</v>
      </c>
      <c r="L14" s="22"/>
      <c r="M14" s="46">
        <v>68344</v>
      </c>
      <c r="N14" s="32"/>
      <c r="O14" s="46">
        <v>42235</v>
      </c>
      <c r="P14" s="32"/>
      <c r="Q14" s="46">
        <v>18843</v>
      </c>
      <c r="R14" s="33"/>
      <c r="S14" s="47">
        <v>20366</v>
      </c>
    </row>
    <row r="15" spans="1:19" s="3" customFormat="1" ht="17.850000000000001" customHeight="1" x14ac:dyDescent="0.15">
      <c r="A15" s="55" t="s">
        <v>20</v>
      </c>
      <c r="B15" s="22"/>
      <c r="C15" s="46">
        <v>84207</v>
      </c>
      <c r="D15" s="32"/>
      <c r="E15" s="46">
        <v>82355</v>
      </c>
      <c r="F15" s="32"/>
      <c r="G15" s="46">
        <v>34016</v>
      </c>
      <c r="H15" s="33"/>
      <c r="I15" s="47">
        <v>30311</v>
      </c>
      <c r="J15" s="11"/>
      <c r="K15" s="55" t="s">
        <v>39</v>
      </c>
      <c r="L15" s="22"/>
      <c r="M15" s="37" t="s">
        <v>45</v>
      </c>
      <c r="N15" s="34"/>
      <c r="O15" s="46">
        <v>52371</v>
      </c>
      <c r="P15" s="32"/>
      <c r="Q15" s="46">
        <v>28708</v>
      </c>
      <c r="R15" s="33"/>
      <c r="S15" s="47">
        <v>43081</v>
      </c>
    </row>
    <row r="16" spans="1:19" s="3" customFormat="1" ht="17.850000000000001" customHeight="1" x14ac:dyDescent="0.15">
      <c r="A16" s="55" t="s">
        <v>21</v>
      </c>
      <c r="B16" s="22"/>
      <c r="C16" s="46">
        <v>93039</v>
      </c>
      <c r="D16" s="32"/>
      <c r="E16" s="46">
        <v>62510</v>
      </c>
      <c r="F16" s="32"/>
      <c r="G16" s="46">
        <v>42792</v>
      </c>
      <c r="H16" s="33"/>
      <c r="I16" s="47">
        <v>31379</v>
      </c>
      <c r="J16" s="11"/>
      <c r="K16" s="55" t="s">
        <v>40</v>
      </c>
      <c r="L16" s="22"/>
      <c r="M16" s="37" t="s">
        <v>45</v>
      </c>
      <c r="N16" s="34"/>
      <c r="O16" s="46">
        <v>60158</v>
      </c>
      <c r="P16" s="32"/>
      <c r="Q16" s="46">
        <v>31033</v>
      </c>
      <c r="R16" s="33"/>
      <c r="S16" s="47">
        <v>12498</v>
      </c>
    </row>
    <row r="17" spans="1:19" s="3" customFormat="1" ht="17.850000000000001" customHeight="1" x14ac:dyDescent="0.15">
      <c r="A17" s="55" t="s">
        <v>22</v>
      </c>
      <c r="B17" s="22"/>
      <c r="C17" s="46">
        <v>99902</v>
      </c>
      <c r="D17" s="32"/>
      <c r="E17" s="46">
        <v>63065</v>
      </c>
      <c r="F17" s="32"/>
      <c r="G17" s="46">
        <v>60041</v>
      </c>
      <c r="H17" s="33"/>
      <c r="I17" s="47">
        <v>29197</v>
      </c>
      <c r="J17" s="11"/>
      <c r="K17" s="55" t="s">
        <v>41</v>
      </c>
      <c r="L17" s="22"/>
      <c r="M17" s="46">
        <v>85537</v>
      </c>
      <c r="N17" s="32"/>
      <c r="O17" s="46">
        <v>49340</v>
      </c>
      <c r="P17" s="32"/>
      <c r="Q17" s="46">
        <v>38751</v>
      </c>
      <c r="R17" s="33"/>
      <c r="S17" s="47">
        <v>20119</v>
      </c>
    </row>
    <row r="18" spans="1:19" s="3" customFormat="1" ht="17.850000000000001" customHeight="1" thickBot="1" x14ac:dyDescent="0.2">
      <c r="A18" s="55" t="s">
        <v>23</v>
      </c>
      <c r="B18" s="22"/>
      <c r="C18" s="46">
        <v>89328</v>
      </c>
      <c r="D18" s="32"/>
      <c r="E18" s="46">
        <v>68871</v>
      </c>
      <c r="F18" s="32"/>
      <c r="G18" s="46">
        <v>103095</v>
      </c>
      <c r="H18" s="33"/>
      <c r="I18" s="47">
        <v>50163</v>
      </c>
      <c r="J18" s="11"/>
      <c r="K18" s="54" t="s">
        <v>42</v>
      </c>
      <c r="L18" s="21"/>
      <c r="M18" s="44">
        <v>74855</v>
      </c>
      <c r="N18" s="30"/>
      <c r="O18" s="44">
        <v>45311</v>
      </c>
      <c r="P18" s="30"/>
      <c r="Q18" s="44">
        <v>21486</v>
      </c>
      <c r="R18" s="31"/>
      <c r="S18" s="45">
        <v>12139</v>
      </c>
    </row>
    <row r="19" spans="1:19" s="3" customFormat="1" ht="17.850000000000001" customHeight="1" thickBot="1" x14ac:dyDescent="0.2">
      <c r="A19" s="55" t="s">
        <v>24</v>
      </c>
      <c r="B19" s="22"/>
      <c r="C19" s="46">
        <v>103018</v>
      </c>
      <c r="D19" s="32"/>
      <c r="E19" s="46">
        <v>69672</v>
      </c>
      <c r="F19" s="32"/>
      <c r="G19" s="46">
        <v>54797</v>
      </c>
      <c r="H19" s="33"/>
      <c r="I19" s="47">
        <v>32169</v>
      </c>
      <c r="J19" s="11"/>
      <c r="K19" s="56" t="s">
        <v>43</v>
      </c>
      <c r="L19" s="39"/>
      <c r="M19" s="48">
        <v>99738</v>
      </c>
      <c r="N19" s="40"/>
      <c r="O19" s="48">
        <v>65481</v>
      </c>
      <c r="P19" s="40"/>
      <c r="Q19" s="48">
        <v>102548</v>
      </c>
      <c r="R19" s="41"/>
      <c r="S19" s="49">
        <v>25952</v>
      </c>
    </row>
    <row r="20" spans="1:19" s="3" customFormat="1" ht="17.850000000000001" customHeight="1" x14ac:dyDescent="0.15">
      <c r="A20" s="55" t="s">
        <v>25</v>
      </c>
      <c r="B20" s="22"/>
      <c r="C20" s="46">
        <v>94912</v>
      </c>
      <c r="D20" s="35" t="s">
        <v>10</v>
      </c>
      <c r="E20" s="46">
        <v>74509</v>
      </c>
      <c r="F20" s="32"/>
      <c r="G20" s="46">
        <v>91469</v>
      </c>
      <c r="H20" s="33"/>
      <c r="I20" s="47">
        <v>49000</v>
      </c>
      <c r="J20" s="11"/>
      <c r="K20" s="26"/>
      <c r="L20" s="24"/>
      <c r="M20" s="25"/>
      <c r="N20" s="25"/>
      <c r="O20" s="25"/>
      <c r="P20" s="25"/>
      <c r="Q20" s="25"/>
      <c r="R20" s="25"/>
      <c r="S20" s="25"/>
    </row>
    <row r="21" spans="1:19" s="3" customFormat="1" ht="17.850000000000001" customHeight="1" x14ac:dyDescent="0.15">
      <c r="A21" s="55" t="s">
        <v>26</v>
      </c>
      <c r="B21" s="22"/>
      <c r="C21" s="46">
        <v>89689</v>
      </c>
      <c r="D21" s="32"/>
      <c r="E21" s="46">
        <v>67328</v>
      </c>
      <c r="F21" s="32"/>
      <c r="G21" s="46">
        <v>82661</v>
      </c>
      <c r="H21" s="33"/>
      <c r="I21" s="47">
        <v>49915</v>
      </c>
      <c r="J21" s="11"/>
      <c r="K21" s="9"/>
      <c r="L21" s="10"/>
      <c r="M21" s="11"/>
      <c r="N21" s="11"/>
      <c r="O21" s="11"/>
      <c r="P21" s="11"/>
      <c r="Q21" s="11"/>
      <c r="R21" s="11"/>
      <c r="S21" s="11"/>
    </row>
    <row r="22" spans="1:19" s="3" customFormat="1" ht="17.850000000000001" customHeight="1" x14ac:dyDescent="0.15">
      <c r="A22" s="55" t="s">
        <v>27</v>
      </c>
      <c r="B22" s="22"/>
      <c r="C22" s="46">
        <v>92797</v>
      </c>
      <c r="D22" s="32"/>
      <c r="E22" s="46">
        <v>60008</v>
      </c>
      <c r="F22" s="32"/>
      <c r="G22" s="46">
        <v>35327</v>
      </c>
      <c r="H22" s="23" t="s">
        <v>47</v>
      </c>
      <c r="I22" s="47">
        <v>32272</v>
      </c>
      <c r="J22" s="11"/>
      <c r="K22" s="9"/>
      <c r="L22" s="10"/>
      <c r="M22" s="11"/>
      <c r="N22" s="11"/>
      <c r="O22" s="11"/>
      <c r="P22" s="11"/>
      <c r="Q22" s="11"/>
      <c r="R22" s="11"/>
      <c r="S22" s="11"/>
    </row>
    <row r="23" spans="1:19" s="3" customFormat="1" ht="17.850000000000001" customHeight="1" thickBot="1" x14ac:dyDescent="0.2">
      <c r="A23" s="54" t="s">
        <v>28</v>
      </c>
      <c r="B23" s="21"/>
      <c r="C23" s="44">
        <v>91428</v>
      </c>
      <c r="D23" s="30"/>
      <c r="E23" s="44">
        <v>60873</v>
      </c>
      <c r="F23" s="30"/>
      <c r="G23" s="44">
        <v>66490</v>
      </c>
      <c r="H23" s="31"/>
      <c r="I23" s="45">
        <v>44000</v>
      </c>
      <c r="J23" s="11"/>
      <c r="K23" s="9"/>
      <c r="L23" s="10"/>
      <c r="M23" s="11"/>
      <c r="N23" s="11"/>
      <c r="O23" s="11"/>
      <c r="P23" s="11"/>
      <c r="Q23" s="11"/>
      <c r="R23" s="11"/>
      <c r="S23" s="11"/>
    </row>
    <row r="24" spans="1:19" s="3" customFormat="1" ht="17.850000000000001" customHeight="1" x14ac:dyDescent="0.15">
      <c r="A24" s="6"/>
      <c r="B24" s="7"/>
      <c r="C24" s="8"/>
      <c r="D24" s="8"/>
      <c r="E24" s="8"/>
      <c r="F24" s="8"/>
      <c r="G24" s="8"/>
      <c r="H24" s="8"/>
      <c r="I24" s="8"/>
      <c r="J24" s="11"/>
      <c r="K24" s="3" t="s">
        <v>44</v>
      </c>
    </row>
    <row r="25" spans="1:19" s="3" customFormat="1" ht="17.850000000000001" customHeight="1" x14ac:dyDescent="0.15">
      <c r="A25" s="9"/>
      <c r="B25" s="10"/>
      <c r="C25" s="11"/>
      <c r="D25" s="11"/>
      <c r="E25" s="11"/>
      <c r="F25" s="11"/>
      <c r="G25" s="11"/>
      <c r="H25" s="11"/>
      <c r="I25" s="11"/>
      <c r="J25" s="11"/>
    </row>
    <row r="26" spans="1:19" s="3" customFormat="1" ht="17.850000000000001" customHeight="1" x14ac:dyDescent="0.15">
      <c r="A26" s="9"/>
      <c r="B26" s="10"/>
      <c r="C26" s="11"/>
      <c r="D26" s="11"/>
      <c r="E26" s="11"/>
      <c r="F26" s="11"/>
      <c r="G26" s="11"/>
      <c r="H26" s="11"/>
      <c r="I26" s="11"/>
      <c r="J26" s="11"/>
      <c r="K26" s="3" t="s">
        <v>48</v>
      </c>
      <c r="L26" s="18"/>
      <c r="M26" s="18"/>
      <c r="N26" s="18"/>
      <c r="O26" s="18"/>
      <c r="P26" s="18"/>
      <c r="Q26" s="18"/>
      <c r="R26" s="18"/>
      <c r="S26" s="18"/>
    </row>
    <row r="27" spans="1:19" s="3" customFormat="1" ht="17.850000000000001" customHeight="1" x14ac:dyDescent="0.15">
      <c r="A27" s="9"/>
      <c r="B27" s="10"/>
      <c r="C27" s="11"/>
      <c r="D27" s="11"/>
      <c r="E27" s="11"/>
      <c r="F27" s="11"/>
      <c r="G27" s="11"/>
      <c r="H27" s="11"/>
      <c r="I27" s="11"/>
      <c r="J27" s="11"/>
      <c r="K27" s="3" t="s">
        <v>49</v>
      </c>
      <c r="L27" s="18"/>
      <c r="M27" s="18"/>
      <c r="N27" s="18"/>
      <c r="O27" s="18"/>
      <c r="P27" s="18"/>
      <c r="Q27" s="18"/>
      <c r="R27" s="18"/>
      <c r="S27" s="18"/>
    </row>
    <row r="28" spans="1:19" s="3" customFormat="1" ht="17.850000000000001" customHeight="1" x14ac:dyDescent="0.15">
      <c r="A28" s="9"/>
      <c r="B28" s="10"/>
      <c r="C28" s="11"/>
      <c r="D28" s="11"/>
      <c r="E28" s="11"/>
      <c r="F28" s="11"/>
      <c r="G28" s="11"/>
      <c r="H28" s="11"/>
      <c r="I28" s="11"/>
      <c r="J28" s="11"/>
      <c r="K28" s="18"/>
      <c r="L28" s="18"/>
      <c r="M28" s="18"/>
      <c r="N28" s="18"/>
      <c r="O28" s="18"/>
      <c r="P28" s="18"/>
      <c r="Q28" s="18"/>
      <c r="R28" s="18"/>
      <c r="S28" s="18"/>
    </row>
    <row r="29" spans="1:19" s="3" customFormat="1" ht="17.850000000000001" customHeight="1" x14ac:dyDescent="0.15">
      <c r="A29" s="9"/>
      <c r="B29" s="10"/>
      <c r="C29" s="11"/>
      <c r="D29" s="11"/>
      <c r="E29" s="11"/>
      <c r="F29" s="11"/>
      <c r="G29" s="11"/>
      <c r="H29" s="11"/>
      <c r="I29" s="11"/>
      <c r="J29" s="11"/>
      <c r="K29" s="18"/>
      <c r="L29" s="18"/>
      <c r="M29" s="18"/>
      <c r="N29" s="18"/>
      <c r="O29" s="18"/>
      <c r="P29" s="18"/>
      <c r="Q29" s="18"/>
      <c r="R29" s="18"/>
      <c r="S29" s="18"/>
    </row>
    <row r="30" spans="1:19" s="3" customFormat="1" ht="17.850000000000001" customHeight="1" x14ac:dyDescent="0.15">
      <c r="A30" s="9"/>
      <c r="B30" s="10"/>
      <c r="C30" s="11"/>
      <c r="D30" s="11"/>
      <c r="E30" s="11"/>
      <c r="F30" s="11"/>
      <c r="G30" s="11"/>
      <c r="H30" s="11"/>
      <c r="I30" s="12"/>
      <c r="J30" s="12"/>
      <c r="K30" s="18"/>
      <c r="L30" s="18"/>
      <c r="M30" s="18"/>
      <c r="N30" s="18"/>
      <c r="O30" s="18"/>
      <c r="P30" s="18"/>
      <c r="Q30" s="18"/>
      <c r="R30" s="18"/>
      <c r="S30" s="18"/>
    </row>
    <row r="31" spans="1:19" s="3" customFormat="1" ht="17.850000000000001" customHeight="1" x14ac:dyDescent="0.15">
      <c r="A31" s="9"/>
      <c r="B31" s="10"/>
      <c r="C31" s="11"/>
      <c r="D31" s="11"/>
      <c r="E31" s="11"/>
      <c r="F31" s="11"/>
      <c r="G31" s="11"/>
      <c r="H31" s="11"/>
      <c r="I31" s="11"/>
      <c r="J31" s="11"/>
      <c r="K31" s="18"/>
      <c r="L31" s="18"/>
      <c r="M31" s="18"/>
      <c r="N31" s="18"/>
      <c r="O31" s="18"/>
      <c r="P31" s="18"/>
      <c r="Q31" s="18"/>
      <c r="R31" s="18"/>
      <c r="S31" s="18"/>
    </row>
    <row r="32" spans="1:19" s="3" customFormat="1" ht="17.850000000000001" customHeight="1" x14ac:dyDescent="0.15">
      <c r="A32" s="9"/>
      <c r="B32" s="10"/>
      <c r="C32" s="12"/>
      <c r="D32" s="13"/>
      <c r="E32" s="11"/>
      <c r="F32" s="11"/>
      <c r="G32" s="11"/>
      <c r="H32" s="11"/>
      <c r="I32" s="11"/>
      <c r="J32" s="11"/>
      <c r="K32" s="18"/>
      <c r="L32" s="18"/>
      <c r="M32" s="18"/>
      <c r="N32" s="18"/>
      <c r="O32" s="18"/>
      <c r="P32" s="18"/>
      <c r="Q32" s="18"/>
      <c r="R32" s="18"/>
      <c r="S32" s="18"/>
    </row>
    <row r="33" spans="1:19" s="3" customFormat="1" ht="17.850000000000001" customHeight="1" x14ac:dyDescent="0.15">
      <c r="A33" s="9"/>
      <c r="B33" s="10"/>
      <c r="C33" s="12"/>
      <c r="D33" s="13"/>
      <c r="E33" s="11"/>
      <c r="F33" s="11"/>
      <c r="G33" s="11"/>
      <c r="H33" s="11"/>
      <c r="I33" s="11"/>
      <c r="J33" s="11"/>
      <c r="K33" s="18"/>
      <c r="L33" s="18"/>
      <c r="M33" s="18"/>
      <c r="N33" s="18"/>
      <c r="O33" s="18"/>
      <c r="P33" s="18"/>
      <c r="Q33" s="18"/>
      <c r="R33" s="18"/>
      <c r="S33" s="18"/>
    </row>
    <row r="34" spans="1:19" s="3" customFormat="1" ht="17.850000000000001" customHeight="1" x14ac:dyDescent="0.15">
      <c r="A34" s="9"/>
      <c r="B34" s="10"/>
      <c r="C34" s="11"/>
      <c r="D34" s="11"/>
      <c r="E34" s="11"/>
      <c r="F34" s="11"/>
      <c r="G34" s="11"/>
      <c r="H34" s="11"/>
      <c r="I34" s="11"/>
      <c r="J34" s="11"/>
      <c r="K34" s="18"/>
      <c r="L34" s="18"/>
      <c r="M34" s="18"/>
      <c r="N34" s="18"/>
      <c r="O34" s="18"/>
      <c r="P34" s="18"/>
      <c r="Q34" s="18"/>
      <c r="R34" s="18"/>
      <c r="S34" s="18"/>
    </row>
    <row r="35" spans="1:19" s="3" customFormat="1" ht="17.850000000000001" customHeight="1" x14ac:dyDescent="0.15">
      <c r="A35" s="9"/>
      <c r="B35" s="10"/>
      <c r="C35" s="11"/>
      <c r="D35" s="11"/>
      <c r="E35" s="11"/>
      <c r="F35" s="11"/>
      <c r="G35" s="11"/>
      <c r="H35" s="11"/>
      <c r="I35" s="11"/>
      <c r="J35" s="11"/>
      <c r="K35" s="18"/>
      <c r="L35" s="18"/>
      <c r="M35" s="18"/>
      <c r="N35" s="18"/>
      <c r="O35" s="18"/>
      <c r="P35" s="18"/>
      <c r="Q35" s="18"/>
      <c r="R35" s="18"/>
      <c r="S35" s="18"/>
    </row>
    <row r="36" spans="1:19" s="3" customFormat="1" ht="17.850000000000001" customHeight="1" x14ac:dyDescent="0.15">
      <c r="A36" s="9"/>
      <c r="B36" s="10"/>
      <c r="C36" s="11"/>
      <c r="D36" s="11"/>
      <c r="E36" s="11"/>
      <c r="F36" s="11"/>
      <c r="G36" s="11"/>
      <c r="H36" s="11"/>
      <c r="I36" s="11"/>
      <c r="J36" s="11"/>
      <c r="K36" s="18"/>
      <c r="L36" s="18"/>
      <c r="M36" s="18"/>
      <c r="N36" s="18"/>
      <c r="O36" s="18"/>
      <c r="P36" s="18"/>
      <c r="Q36" s="18"/>
      <c r="R36" s="18"/>
      <c r="S36" s="18"/>
    </row>
    <row r="37" spans="1:19" s="3" customFormat="1" ht="17.850000000000001" customHeight="1" x14ac:dyDescent="0.15">
      <c r="A37" s="14"/>
      <c r="B37" s="10"/>
      <c r="C37" s="11"/>
      <c r="D37" s="11"/>
      <c r="E37" s="11"/>
      <c r="F37" s="11"/>
      <c r="G37" s="11"/>
      <c r="H37" s="11"/>
      <c r="I37" s="11"/>
      <c r="J37" s="11"/>
      <c r="K37" s="18"/>
      <c r="L37" s="18"/>
      <c r="M37" s="18"/>
      <c r="N37" s="18"/>
      <c r="O37" s="18"/>
      <c r="P37" s="18"/>
      <c r="Q37" s="18"/>
      <c r="R37" s="18"/>
      <c r="S37" s="18"/>
    </row>
    <row r="38" spans="1:19" s="3" customFormat="1" ht="17.850000000000001" customHeight="1" x14ac:dyDescent="0.15">
      <c r="A38" s="9"/>
      <c r="B38" s="10"/>
      <c r="C38" s="11"/>
      <c r="D38" s="11"/>
      <c r="E38" s="11"/>
      <c r="F38" s="11"/>
      <c r="G38" s="11"/>
      <c r="H38" s="11"/>
      <c r="I38" s="11"/>
      <c r="J38" s="11"/>
      <c r="K38" s="18"/>
      <c r="L38" s="18"/>
      <c r="M38" s="18"/>
      <c r="N38" s="18"/>
      <c r="O38" s="18"/>
      <c r="P38" s="18"/>
      <c r="Q38" s="18"/>
      <c r="R38" s="18"/>
      <c r="S38" s="18"/>
    </row>
    <row r="39" spans="1:19" s="3" customFormat="1" ht="17.25" customHeight="1" x14ac:dyDescent="0.15">
      <c r="A39" s="3" t="s">
        <v>46</v>
      </c>
      <c r="J39" s="16"/>
      <c r="K39" s="18"/>
      <c r="L39" s="18"/>
      <c r="M39" s="18"/>
      <c r="N39" s="18"/>
      <c r="O39" s="18"/>
      <c r="P39" s="18"/>
      <c r="Q39" s="18"/>
      <c r="R39" s="18"/>
      <c r="S39" s="18"/>
    </row>
    <row r="40" spans="1:19" x14ac:dyDescent="0.15">
      <c r="A40" s="4"/>
      <c r="B40" s="4"/>
      <c r="C40" s="4"/>
      <c r="D40" s="4"/>
      <c r="E40" s="4"/>
      <c r="F40" s="4"/>
      <c r="G40" s="4"/>
      <c r="H40" s="4"/>
      <c r="I40" s="4"/>
      <c r="J40" s="17"/>
    </row>
    <row r="41" spans="1:19" x14ac:dyDescent="0.15">
      <c r="A41" s="3" t="s">
        <v>46</v>
      </c>
      <c r="B41" s="4"/>
      <c r="C41" s="4"/>
      <c r="D41" s="4"/>
      <c r="E41" s="4"/>
      <c r="F41" s="4"/>
      <c r="G41" s="4"/>
      <c r="H41" s="4"/>
      <c r="I41" s="4"/>
      <c r="J41" s="17"/>
    </row>
    <row r="42" spans="1:19" x14ac:dyDescent="0.15">
      <c r="A42" s="4" t="s">
        <v>46</v>
      </c>
      <c r="B42" s="4"/>
      <c r="C42" s="4"/>
      <c r="D42" s="4"/>
      <c r="E42" s="4"/>
      <c r="F42" s="4"/>
      <c r="G42" s="4"/>
      <c r="H42" s="4"/>
      <c r="I42" s="4"/>
      <c r="J42" s="17"/>
    </row>
  </sheetData>
  <mergeCells count="16">
    <mergeCell ref="H4:I4"/>
    <mergeCell ref="H3:I3"/>
    <mergeCell ref="B3:C3"/>
    <mergeCell ref="B4:C4"/>
    <mergeCell ref="F3:G3"/>
    <mergeCell ref="F4:G4"/>
    <mergeCell ref="D3:E3"/>
    <mergeCell ref="D4:E4"/>
    <mergeCell ref="L3:M3"/>
    <mergeCell ref="N3:O3"/>
    <mergeCell ref="P3:Q3"/>
    <mergeCell ref="R3:S3"/>
    <mergeCell ref="L4:M4"/>
    <mergeCell ref="N4:O4"/>
    <mergeCell ref="P4:Q4"/>
    <mergeCell ref="R4:S4"/>
  </mergeCells>
  <phoneticPr fontId="2"/>
  <printOptions horizontalCentered="1"/>
  <pageMargins left="0.39370078740157483" right="0.39370078740157483" top="0.78740157480314965" bottom="0.39370078740157483" header="0.51181102362204722" footer="0.19685039370078741"/>
  <pageSetup paperSize="9" scale="85" firstPageNumber="47" fitToHeight="2" orientation="landscape" blackAndWhite="1" useFirstPageNumber="1" r:id="rId1"/>
  <headerFooter alignWithMargins="0">
    <oddFooter>&amp;C&amp;"ＭＳ 明朝,標準"― &amp;P ―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0 固定資産（土地）提示平均価額（令和３年度）</vt:lpstr>
      <vt:lpstr>'10 固定資産（土地）提示平均価額（令和３年度）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張本 達宏</dc:creator>
  <cp:lastModifiedBy>user</cp:lastModifiedBy>
  <cp:lastPrinted>2019-07-23T23:23:47Z</cp:lastPrinted>
  <dcterms:created xsi:type="dcterms:W3CDTF">2007-05-30T06:58:00Z</dcterms:created>
  <dcterms:modified xsi:type="dcterms:W3CDTF">2022-08-10T06:42:43Z</dcterms:modified>
</cp:coreProperties>
</file>